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Nowy folder\zaproszenie\"/>
    </mc:Choice>
  </mc:AlternateContent>
  <xr:revisionPtr revIDLastSave="0" documentId="13_ncr:1_{902A6380-7222-4326-A25A-E33892CDD9A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7" i="6" l="1"/>
  <c r="K8" i="6"/>
  <c r="M7" i="6" l="1"/>
  <c r="M9" i="6" s="1"/>
  <c r="O7" i="6" l="1"/>
  <c r="N7" i="6" s="1"/>
  <c r="O10" i="6" l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 xml:space="preserve">Załącznik nr 2  do Zaproszenia </t>
  </si>
  <si>
    <t>wartość VAT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X</t>
  </si>
  <si>
    <t>WZÓR FORMULARZA CENOWEGO - DZPZ/ 333/ 123 / 2023</t>
  </si>
  <si>
    <t xml:space="preserve">ilość razem </t>
  </si>
  <si>
    <t xml:space="preserve">opakowanie </t>
  </si>
  <si>
    <t>Opis oferowanego przedmiotu zamówienia, nazwa handlowa, producent, kod ean/nr katalogowy</t>
  </si>
  <si>
    <t>Razem Wartość netto</t>
  </si>
  <si>
    <t>Razem wartość brutto</t>
  </si>
  <si>
    <t>UWAGA! POWYŻSZY FORMULARZ CENOWY ZAWIERA AUTOMATYCZNE FUNKCJE - NALEŻY UZUPEŁNIĆ KOLUMNY X, B i V. ZAMAWIAJĄCY ZAZNACZA, ŻE NINIEJSZY FORMULARZ JEST TYLKO WZOREM I TO DO WYKONAWCY NALEŻY PRAWIDŁOWE OBLICZENIE CENY</t>
  </si>
  <si>
    <t>Ibrutinibum, 140 mg x 120 kaps. twarde</t>
  </si>
  <si>
    <t xml:space="preserve">Ilość podstawowa </t>
  </si>
  <si>
    <t>Iość prawa opcji 100%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zł&quot;"/>
    <numFmt numFmtId="167" formatCode="_-* #,##0.00\ &quot;zł&quot;_-;\-* #,##0.00\ &quot;zł&quot;_-;_-* &quot;-&quot;??\ &quot;zł&quot;_-;_-@_-"/>
  </numFmts>
  <fonts count="27" x14ac:knownFonts="1">
    <font>
      <sz val="10"/>
      <name val="Arial"/>
      <charset val="238"/>
    </font>
    <font>
      <sz val="11"/>
      <color theme="1"/>
      <name val="Calibri"/>
      <family val="2"/>
      <charset val="238"/>
      <scheme val="minor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  <font>
      <sz val="10"/>
      <color indexed="8"/>
      <name val="Arial"/>
      <family val="2"/>
      <charset val="238"/>
    </font>
    <font>
      <sz val="12"/>
      <color rgb="FF000000"/>
      <name val="Times New Roman"/>
      <family val="1"/>
      <charset val="238"/>
    </font>
    <font>
      <b/>
      <sz val="10"/>
      <name val="Arial"/>
      <family val="2"/>
      <charset val="238"/>
    </font>
    <font>
      <b/>
      <sz val="10"/>
      <color indexed="8"/>
      <name val="Arial"/>
      <family val="2"/>
      <charset val="238"/>
    </font>
  </fonts>
  <fills count="1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  <fill>
      <patternFill patternType="solid">
        <fgColor indexed="22"/>
        <bgColor indexed="31"/>
      </patternFill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24">
    <xf numFmtId="0" fontId="0" fillId="0" borderId="0"/>
    <xf numFmtId="9" fontId="2" fillId="0" borderId="0" applyFont="0" applyFill="0" applyBorder="0" applyAlignment="0" applyProtection="0"/>
    <xf numFmtId="0" fontId="7" fillId="0" borderId="0"/>
    <xf numFmtId="0" fontId="10" fillId="0" borderId="0"/>
    <xf numFmtId="0" fontId="11" fillId="0" borderId="0" applyNumberFormat="0" applyBorder="0" applyProtection="0"/>
    <xf numFmtId="0" fontId="12" fillId="5" borderId="0" applyNumberFormat="0" applyBorder="0" applyProtection="0"/>
    <xf numFmtId="0" fontId="12" fillId="6" borderId="0" applyNumberFormat="0" applyBorder="0" applyProtection="0"/>
    <xf numFmtId="0" fontId="11" fillId="7" borderId="0" applyNumberFormat="0" applyBorder="0" applyProtection="0"/>
    <xf numFmtId="0" fontId="13" fillId="8" borderId="0" applyNumberFormat="0" applyBorder="0" applyProtection="0"/>
    <xf numFmtId="0" fontId="14" fillId="9" borderId="0" applyNumberFormat="0" applyBorder="0" applyProtection="0"/>
    <xf numFmtId="0" fontId="15" fillId="0" borderId="0" applyNumberFormat="0" applyBorder="0" applyProtection="0"/>
    <xf numFmtId="0" fontId="16" fillId="1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0" fontId="20" fillId="11" borderId="0" applyNumberFormat="0" applyBorder="0" applyProtection="0"/>
    <xf numFmtId="0" fontId="21" fillId="11" borderId="27" applyNumberFormat="0" applyProtection="0"/>
    <xf numFmtId="0" fontId="10" fillId="0" borderId="0" applyNumberFormat="0" applyFont="0" applyBorder="0" applyProtection="0"/>
    <xf numFmtId="0" fontId="10" fillId="0" borderId="0" applyNumberFormat="0" applyFont="0" applyBorder="0" applyProtection="0"/>
    <xf numFmtId="0" fontId="13" fillId="0" borderId="0" applyNumberFormat="0" applyBorder="0" applyProtection="0"/>
    <xf numFmtId="0" fontId="23" fillId="0" borderId="0"/>
    <xf numFmtId="0" fontId="1" fillId="0" borderId="0"/>
    <xf numFmtId="167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71">
    <xf numFmtId="0" fontId="0" fillId="0" borderId="0" xfId="0"/>
    <xf numFmtId="0" fontId="0" fillId="0" borderId="0" xfId="0" applyAlignment="1">
      <alignment horizontal="center" vertical="center" wrapText="1"/>
    </xf>
    <xf numFmtId="0" fontId="6" fillId="0" borderId="15" xfId="0" applyFont="1" applyBorder="1"/>
    <xf numFmtId="0" fontId="6" fillId="0" borderId="16" xfId="0" applyFont="1" applyBorder="1" applyAlignment="1">
      <alignment horizontal="left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4" fillId="0" borderId="2" xfId="2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9" fontId="6" fillId="0" borderId="2" xfId="1" applyFont="1" applyBorder="1" applyAlignment="1">
      <alignment horizontal="center" vertical="center" wrapText="1"/>
    </xf>
    <xf numFmtId="164" fontId="6" fillId="4" borderId="24" xfId="0" applyNumberFormat="1" applyFont="1" applyFill="1" applyBorder="1" applyAlignment="1">
      <alignment horizontal="center" vertical="center" wrapText="1"/>
    </xf>
    <xf numFmtId="164" fontId="6" fillId="0" borderId="23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6" fillId="0" borderId="17" xfId="0" applyNumberFormat="1" applyFont="1" applyBorder="1" applyAlignment="1">
      <alignment vertical="center" wrapText="1"/>
    </xf>
    <xf numFmtId="0" fontId="6" fillId="0" borderId="0" xfId="0" applyFont="1"/>
    <xf numFmtId="164" fontId="6" fillId="0" borderId="1" xfId="0" applyNumberFormat="1" applyFont="1" applyBorder="1" applyAlignment="1">
      <alignment horizontal="center" vertical="center" wrapText="1"/>
    </xf>
    <xf numFmtId="164" fontId="6" fillId="0" borderId="26" xfId="0" applyNumberFormat="1" applyFont="1" applyBorder="1" applyAlignment="1">
      <alignment horizontal="center" vertical="center" wrapText="1"/>
    </xf>
    <xf numFmtId="164" fontId="6" fillId="0" borderId="1" xfId="0" applyNumberFormat="1" applyFont="1" applyBorder="1" applyAlignment="1">
      <alignment vertical="center" wrapText="1"/>
    </xf>
    <xf numFmtId="164" fontId="6" fillId="3" borderId="25" xfId="0" applyNumberFormat="1" applyFont="1" applyFill="1" applyBorder="1" applyAlignment="1">
      <alignment horizontal="center" vertical="center" wrapText="1"/>
    </xf>
    <xf numFmtId="164" fontId="6" fillId="4" borderId="28" xfId="0" applyNumberFormat="1" applyFont="1" applyFill="1" applyBorder="1" applyAlignment="1">
      <alignment horizontal="center" vertical="center" wrapText="1"/>
    </xf>
    <xf numFmtId="164" fontId="6" fillId="2" borderId="4" xfId="0" applyNumberFormat="1" applyFont="1" applyFill="1" applyBorder="1" applyAlignment="1">
      <alignment horizontal="center" vertical="center" wrapText="1"/>
    </xf>
    <xf numFmtId="0" fontId="22" fillId="0" borderId="2" xfId="3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/>
    </xf>
    <xf numFmtId="0" fontId="5" fillId="0" borderId="6" xfId="0" applyFont="1" applyBorder="1" applyAlignment="1">
      <alignment horizontal="center"/>
    </xf>
    <xf numFmtId="0" fontId="5" fillId="0" borderId="7" xfId="0" applyFont="1" applyBorder="1" applyAlignment="1">
      <alignment horizontal="center"/>
    </xf>
    <xf numFmtId="0" fontId="8" fillId="0" borderId="23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wrapText="1"/>
    </xf>
    <xf numFmtId="0" fontId="6" fillId="0" borderId="0" xfId="0" applyFont="1" applyAlignment="1">
      <alignment horizontal="center" wrapText="1"/>
    </xf>
    <xf numFmtId="0" fontId="6" fillId="0" borderId="3" xfId="0" applyFont="1" applyBorder="1" applyAlignment="1">
      <alignment horizontal="center" wrapText="1"/>
    </xf>
    <xf numFmtId="0" fontId="6" fillId="0" borderId="9" xfId="0" applyFont="1" applyBorder="1" applyAlignment="1">
      <alignment horizontal="center" wrapText="1"/>
    </xf>
    <xf numFmtId="0" fontId="6" fillId="0" borderId="10" xfId="0" applyFont="1" applyBorder="1" applyAlignment="1">
      <alignment horizontal="center" wrapText="1"/>
    </xf>
    <xf numFmtId="0" fontId="6" fillId="0" borderId="1" xfId="0" applyFont="1" applyBorder="1" applyAlignment="1">
      <alignment horizont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10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49" fontId="24" fillId="13" borderId="2" xfId="21" applyNumberFormat="1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25" fillId="0" borderId="22" xfId="0" applyFont="1" applyBorder="1" applyAlignment="1">
      <alignment horizontal="center" vertical="center" wrapText="1"/>
    </xf>
    <xf numFmtId="0" fontId="25" fillId="0" borderId="3" xfId="0" applyFont="1" applyBorder="1" applyAlignment="1">
      <alignment horizontal="center" vertical="center" wrapText="1"/>
    </xf>
    <xf numFmtId="0" fontId="25" fillId="0" borderId="23" xfId="0" applyFont="1" applyBorder="1" applyAlignment="1">
      <alignment horizontal="center" vertical="center" wrapText="1"/>
    </xf>
    <xf numFmtId="0" fontId="25" fillId="0" borderId="29" xfId="0" applyFont="1" applyBorder="1" applyAlignment="1">
      <alignment horizontal="center" vertical="center" wrapText="1"/>
    </xf>
    <xf numFmtId="0" fontId="25" fillId="0" borderId="20" xfId="0" applyFont="1" applyBorder="1" applyAlignment="1">
      <alignment horizontal="center" vertical="center" wrapText="1"/>
    </xf>
    <xf numFmtId="0" fontId="25" fillId="0" borderId="21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/>
    <xf numFmtId="0" fontId="26" fillId="12" borderId="2" xfId="20" applyFont="1" applyFill="1" applyBorder="1" applyAlignment="1">
      <alignment horizontal="center" vertical="center" wrapText="1"/>
    </xf>
  </cellXfs>
  <cellStyles count="24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Excel Built-in Normal" xfId="20" xr:uid="{98B71D1A-D336-4996-8651-AA6488A1917E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rmalny 4" xfId="21" xr:uid="{535FA0E7-E206-40FC-852B-D22BE6C83187}"/>
    <cellStyle name="Note" xfId="16" xr:uid="{8D6D81A6-2ACE-4302-AB31-A07DB389A427}"/>
    <cellStyle name="Procentowy" xfId="1" builtinId="5"/>
    <cellStyle name="Procentowy 2" xfId="23" xr:uid="{EABDB21F-76DE-46DE-AF86-CE12E64079F1}"/>
    <cellStyle name="Status" xfId="17" xr:uid="{E8EC8EB4-0E91-4E1B-8156-1EEB4AB9F58B}"/>
    <cellStyle name="Text" xfId="18" xr:uid="{9175E338-10F7-487F-BC95-1C364023F94B}"/>
    <cellStyle name="Walutowy 2" xfId="22" xr:uid="{ED4C1020-96EF-4776-9EF1-52DC4D9E9016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S13"/>
  <sheetViews>
    <sheetView tabSelected="1" workbookViewId="0">
      <selection activeCell="R8" sqref="R8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8" width="12.85546875" customWidth="1"/>
    <col min="9" max="9" width="14.7109375" customWidth="1"/>
    <col min="10" max="10" width="13.28515625" customWidth="1"/>
    <col min="11" max="11" width="13.42578125" customWidth="1"/>
    <col min="12" max="12" width="13.5703125" customWidth="1"/>
    <col min="13" max="13" width="13.140625" customWidth="1"/>
    <col min="14" max="14" width="13.5703125" customWidth="1"/>
    <col min="15" max="15" width="14.28515625" customWidth="1"/>
  </cols>
  <sheetData>
    <row r="2" spans="3:19" ht="15.75" customHeight="1" x14ac:dyDescent="0.2">
      <c r="C2" s="27" t="s">
        <v>23</v>
      </c>
      <c r="D2" s="28"/>
      <c r="E2" s="28"/>
      <c r="F2" s="28"/>
      <c r="G2" s="28"/>
      <c r="H2" s="28"/>
      <c r="I2" s="28"/>
      <c r="J2" s="28"/>
      <c r="K2" s="29"/>
      <c r="L2" s="27" t="s">
        <v>19</v>
      </c>
      <c r="M2" s="28"/>
      <c r="N2" s="28"/>
      <c r="O2" s="29"/>
    </row>
    <row r="3" spans="3:19" ht="15.75" customHeight="1" x14ac:dyDescent="0.2">
      <c r="C3" s="30"/>
      <c r="D3" s="31"/>
      <c r="E3" s="31"/>
      <c r="F3" s="31"/>
      <c r="G3" s="31"/>
      <c r="H3" s="31"/>
      <c r="I3" s="31"/>
      <c r="J3" s="31"/>
      <c r="K3" s="32"/>
      <c r="L3" s="33"/>
      <c r="M3" s="34"/>
      <c r="N3" s="34"/>
      <c r="O3" s="35"/>
    </row>
    <row r="4" spans="3:19" ht="27.75" customHeight="1" thickBot="1" x14ac:dyDescent="0.3">
      <c r="C4" s="39"/>
      <c r="D4" s="40"/>
      <c r="E4" s="40"/>
      <c r="F4" s="40"/>
      <c r="G4" s="40"/>
      <c r="H4" s="40"/>
      <c r="I4" s="40"/>
      <c r="J4" s="40"/>
      <c r="K4" s="41"/>
      <c r="L4" s="36"/>
      <c r="M4" s="37"/>
      <c r="N4" s="37"/>
      <c r="O4" s="38"/>
    </row>
    <row r="5" spans="3:19" ht="15.75" thickBot="1" x14ac:dyDescent="0.25">
      <c r="C5" s="2"/>
      <c r="D5" s="3"/>
      <c r="E5" s="60" t="s">
        <v>22</v>
      </c>
      <c r="F5" s="61" t="s">
        <v>12</v>
      </c>
      <c r="G5" s="5"/>
      <c r="H5" s="6"/>
      <c r="I5" s="4" t="s">
        <v>0</v>
      </c>
      <c r="J5" s="5" t="s">
        <v>1</v>
      </c>
      <c r="K5" s="6" t="s">
        <v>10</v>
      </c>
      <c r="L5" s="7" t="s">
        <v>18</v>
      </c>
      <c r="M5" s="4" t="s">
        <v>9</v>
      </c>
      <c r="N5" s="8" t="s">
        <v>14</v>
      </c>
      <c r="O5" s="9" t="s">
        <v>15</v>
      </c>
    </row>
    <row r="6" spans="3:19" s="69" customFormat="1" ht="72.75" customHeight="1" x14ac:dyDescent="0.2">
      <c r="C6" s="62" t="s">
        <v>11</v>
      </c>
      <c r="D6" s="62" t="s">
        <v>2</v>
      </c>
      <c r="E6" s="70" t="s">
        <v>26</v>
      </c>
      <c r="F6" s="63" t="s">
        <v>5</v>
      </c>
      <c r="G6" s="64" t="s">
        <v>31</v>
      </c>
      <c r="H6" s="64" t="s">
        <v>32</v>
      </c>
      <c r="I6" s="65" t="s">
        <v>24</v>
      </c>
      <c r="J6" s="66" t="s">
        <v>4</v>
      </c>
      <c r="K6" s="66" t="s">
        <v>7</v>
      </c>
      <c r="L6" s="66" t="s">
        <v>17</v>
      </c>
      <c r="M6" s="66" t="s">
        <v>3</v>
      </c>
      <c r="N6" s="66" t="s">
        <v>6</v>
      </c>
      <c r="O6" s="67" t="s">
        <v>8</v>
      </c>
      <c r="P6" s="68"/>
      <c r="Q6" s="68"/>
      <c r="R6" s="68"/>
    </row>
    <row r="7" spans="3:19" ht="46.5" customHeight="1" x14ac:dyDescent="0.2">
      <c r="C7" s="10" t="s">
        <v>16</v>
      </c>
      <c r="D7" s="59" t="s">
        <v>30</v>
      </c>
      <c r="E7" s="26"/>
      <c r="F7" s="11" t="s">
        <v>25</v>
      </c>
      <c r="G7" s="11">
        <v>4</v>
      </c>
      <c r="H7" s="11">
        <v>4</v>
      </c>
      <c r="I7" s="12">
        <v>8</v>
      </c>
      <c r="J7" s="13"/>
      <c r="K7" s="13">
        <f>J7*I7</f>
        <v>0</v>
      </c>
      <c r="L7" s="14"/>
      <c r="M7" s="13">
        <f>ROUND(K7*L7,2)</f>
        <v>0</v>
      </c>
      <c r="N7" s="13">
        <f>ROUND(O7/I7,2)</f>
        <v>0</v>
      </c>
      <c r="O7" s="13">
        <f>ROUND(SUM(K7,M7),2)</f>
        <v>0</v>
      </c>
      <c r="P7" s="1"/>
      <c r="Q7" s="1"/>
      <c r="R7" s="1"/>
    </row>
    <row r="8" spans="3:19" ht="45.75" customHeight="1" thickBot="1" x14ac:dyDescent="0.25">
      <c r="C8" s="42"/>
      <c r="D8" s="42"/>
      <c r="E8" s="42"/>
      <c r="F8" s="42"/>
      <c r="G8" s="42"/>
      <c r="H8" s="42"/>
      <c r="I8" s="42"/>
      <c r="J8" s="15" t="s">
        <v>27</v>
      </c>
      <c r="K8" s="24">
        <f>SUM(K7:K7)</f>
        <v>0</v>
      </c>
      <c r="L8" s="16"/>
      <c r="M8" s="16"/>
      <c r="N8" s="16"/>
      <c r="O8" s="16"/>
      <c r="P8" s="1"/>
      <c r="Q8" s="1"/>
      <c r="R8" s="1"/>
      <c r="S8" s="17"/>
    </row>
    <row r="9" spans="3:19" ht="26.25" customHeight="1" thickBot="1" x14ac:dyDescent="0.25">
      <c r="C9" s="43"/>
      <c r="D9" s="43"/>
      <c r="E9" s="43"/>
      <c r="F9" s="43"/>
      <c r="G9" s="43"/>
      <c r="H9" s="43"/>
      <c r="I9" s="43"/>
      <c r="J9" s="18"/>
      <c r="K9" s="19"/>
      <c r="L9" s="25" t="s">
        <v>20</v>
      </c>
      <c r="M9" s="25">
        <f>SUM(M7:M8)</f>
        <v>0</v>
      </c>
      <c r="N9" s="20"/>
      <c r="O9" s="21"/>
      <c r="P9" s="1"/>
      <c r="Q9" s="1"/>
      <c r="R9" s="1"/>
      <c r="S9" s="17"/>
    </row>
    <row r="10" spans="3:19" ht="61.5" customHeight="1" thickBot="1" x14ac:dyDescent="0.25">
      <c r="C10" s="43"/>
      <c r="D10" s="43"/>
      <c r="E10" s="43"/>
      <c r="F10" s="43"/>
      <c r="G10" s="43"/>
      <c r="H10" s="43"/>
      <c r="I10" s="43"/>
      <c r="J10" s="22"/>
      <c r="K10" s="13"/>
      <c r="L10" s="16"/>
      <c r="M10" s="16"/>
      <c r="N10" s="23" t="s">
        <v>28</v>
      </c>
      <c r="O10" s="23">
        <f>SUM(O7:O9)</f>
        <v>0</v>
      </c>
      <c r="P10" s="1"/>
      <c r="Q10" s="1"/>
      <c r="R10" s="1"/>
    </row>
    <row r="11" spans="3:19" ht="21.75" customHeight="1" x14ac:dyDescent="0.2">
      <c r="C11" s="44" t="s">
        <v>29</v>
      </c>
      <c r="D11" s="45"/>
      <c r="E11" s="45"/>
      <c r="F11" s="45"/>
      <c r="G11" s="45"/>
      <c r="H11" s="45"/>
      <c r="I11" s="45"/>
      <c r="J11" s="46"/>
      <c r="K11" s="50" t="s">
        <v>13</v>
      </c>
      <c r="L11" s="51"/>
      <c r="M11" s="51"/>
      <c r="N11" s="51"/>
      <c r="O11" s="52"/>
      <c r="P11" s="1"/>
      <c r="Q11" s="1"/>
      <c r="R11" s="1"/>
    </row>
    <row r="12" spans="3:19" ht="26.25" customHeight="1" x14ac:dyDescent="0.2">
      <c r="C12" s="47"/>
      <c r="D12" s="48"/>
      <c r="E12" s="48"/>
      <c r="F12" s="48"/>
      <c r="G12" s="48"/>
      <c r="H12" s="48"/>
      <c r="I12" s="48"/>
      <c r="J12" s="49"/>
      <c r="K12" s="50"/>
      <c r="L12" s="51"/>
      <c r="M12" s="51"/>
      <c r="N12" s="51"/>
      <c r="O12" s="52"/>
      <c r="P12" s="1"/>
      <c r="Q12" s="1"/>
      <c r="R12" s="1"/>
    </row>
    <row r="13" spans="3:19" ht="59.25" customHeight="1" x14ac:dyDescent="0.2">
      <c r="C13" s="56" t="s">
        <v>21</v>
      </c>
      <c r="D13" s="57"/>
      <c r="E13" s="57"/>
      <c r="F13" s="57"/>
      <c r="G13" s="57"/>
      <c r="H13" s="57"/>
      <c r="I13" s="57"/>
      <c r="J13" s="58"/>
      <c r="K13" s="53"/>
      <c r="L13" s="54"/>
      <c r="M13" s="54"/>
      <c r="N13" s="54"/>
      <c r="O13" s="55"/>
      <c r="P13" s="1"/>
      <c r="Q13" s="1"/>
      <c r="R13" s="1"/>
    </row>
  </sheetData>
  <mergeCells count="7">
    <mergeCell ref="C2:K3"/>
    <mergeCell ref="L2:O4"/>
    <mergeCell ref="C4:K4"/>
    <mergeCell ref="C8:I10"/>
    <mergeCell ref="C11:J12"/>
    <mergeCell ref="K11:O13"/>
    <mergeCell ref="C13:J13"/>
  </mergeCells>
  <phoneticPr fontId="3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8-23T11:23:56Z</dcterms:modified>
</cp:coreProperties>
</file>